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45245\Google Drive\UniMich_data\"/>
    </mc:Choice>
  </mc:AlternateContent>
  <bookViews>
    <workbookView xWindow="0" yWindow="0" windowWidth="25200" windowHeight="11850" activeTab="2"/>
  </bookViews>
  <sheets>
    <sheet name="Left wrist" sheetId="1" r:id="rId1"/>
    <sheet name="Right wrist" sheetId="2" r:id="rId2"/>
    <sheet name="Upper back (T3)" sheetId="3" r:id="rId3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0" uniqueCount="10">
  <si>
    <t>Sample_rate (Hz)</t>
  </si>
  <si>
    <t>Accel_x (g)</t>
  </si>
  <si>
    <t>Accel_y (g)</t>
  </si>
  <si>
    <t>Accel_z (g)</t>
  </si>
  <si>
    <t>Gyro_x (deg/s)</t>
  </si>
  <si>
    <t>Gyro_y (deg/s</t>
  </si>
  <si>
    <t>Gyro_z (deg/s</t>
  </si>
  <si>
    <t>Roll (rad)</t>
  </si>
  <si>
    <t>Pitch (rad)</t>
  </si>
  <si>
    <t>Yaw (rad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1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Left wrist</vt:lpstr>
      <vt:lpstr>Right wrist</vt:lpstr>
      <vt:lpstr>Upper back (T3)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tthew Worsey</dc:creator>
  <cp:lastModifiedBy>Matthew Worsey</cp:lastModifiedBy>
  <dcterms:created xsi:type="dcterms:W3CDTF">2021-02-17T06:24:08Z</dcterms:created>
  <dcterms:modified xsi:type="dcterms:W3CDTF">2021-02-17T06:38:09Z</dcterms:modified>
</cp:coreProperties>
</file>